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lastRenderedPageBreak/>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lastRenderedPageBreak/>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451B07B3"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4077F6">
              <w:rPr>
                <w:szCs w:val="22"/>
                <w:highlight w:val="red"/>
              </w:rPr>
              <w:t>2</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4077F6">
              <w:rPr>
                <w:highlight w:val="red"/>
              </w:rPr>
              <w:t>2</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lastRenderedPageBreak/>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C11067"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C75017F" w14:textId="77777777" w:rsidR="00C11067" w:rsidRDefault="00C11067">
      <w:r>
        <w:separator/>
      </w:r>
    </w:p>
  </w:endnote>
  <w:endnote w:type="continuationSeparator" w:id="0">
    <w:p w14:paraId="355E2151" w14:textId="77777777" w:rsidR="00C11067" w:rsidRDefault="00C1106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C11067">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6CF6C0F" w14:textId="77777777" w:rsidR="00C11067" w:rsidRDefault="00C11067">
      <w:r>
        <w:separator/>
      </w:r>
    </w:p>
  </w:footnote>
  <w:footnote w:type="continuationSeparator" w:id="0">
    <w:p w14:paraId="21F22F3B" w14:textId="77777777" w:rsidR="00C11067" w:rsidRDefault="00C11067">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C1106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C1106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72DBB"/>
    <w:rsid w:val="002C7E06"/>
    <w:rsid w:val="003C3234"/>
    <w:rsid w:val="003E763D"/>
    <w:rsid w:val="004077F6"/>
    <w:rsid w:val="004D6E0F"/>
    <w:rsid w:val="00695814"/>
    <w:rsid w:val="006F0B7E"/>
    <w:rsid w:val="007B0729"/>
    <w:rsid w:val="0080791C"/>
    <w:rsid w:val="00976381"/>
    <w:rsid w:val="00996121"/>
    <w:rsid w:val="00B04D5C"/>
    <w:rsid w:val="00BF294E"/>
    <w:rsid w:val="00BF480B"/>
    <w:rsid w:val="00C11067"/>
    <w:rsid w:val="00D3753D"/>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1</TotalTime>
  <Pages>7</Pages>
  <Words>1329</Words>
  <Characters>7046</Characters>
  <Application>Microsoft Office Word</Application>
  <DocSecurity>0</DocSecurity>
  <Lines>58</Lines>
  <Paragraphs>16</Paragraphs>
  <ScaleCrop>false</ScaleCrop>
  <Company/>
  <LinksUpToDate>false</LinksUpToDate>
  <CharactersWithSpaces>835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2:00:00Z</dcterms:created>
  <dcterms:modified xsi:type="dcterms:W3CDTF">2020-12-23T22:00:00Z</dcterms:modified>
</cp:coreProperties>
</file>